
<file path=[Content_Types].xml><?xml version="1.0" encoding="utf-8"?>
<Types xmlns="http://schemas.openxmlformats.org/package/2006/content-types"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1" r:id="rId6"/>
    <p:sldId id="274" r:id="rId7"/>
    <p:sldId id="273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E32FA"/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D69AE13D-7052-4486-B5D9-D2EB0CF06798}" v="10" dt="2024-04-25T09:52:29.88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123" d="100"/>
          <a:sy n="123" d="100"/>
        </p:scale>
        <p:origin x="114" y="18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Relationship Id="rId14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Kristabela Garnace" userId="997c92d6-c8db-4a35-a0be-1d48cc4c28a8" providerId="ADAL" clId="{D69AE13D-7052-4486-B5D9-D2EB0CF06798}"/>
    <pc:docChg chg="modSld">
      <pc:chgData name="Kristabela Garnace" userId="997c92d6-c8db-4a35-a0be-1d48cc4c28a8" providerId="ADAL" clId="{D69AE13D-7052-4486-B5D9-D2EB0CF06798}" dt="2024-04-25T09:52:29.884" v="22" actId="14826"/>
      <pc:docMkLst>
        <pc:docMk/>
      </pc:docMkLst>
      <pc:sldChg chg="modSp">
        <pc:chgData name="Kristabela Garnace" userId="997c92d6-c8db-4a35-a0be-1d48cc4c28a8" providerId="ADAL" clId="{D69AE13D-7052-4486-B5D9-D2EB0CF06798}" dt="2024-04-25T09:51:37.364" v="4" actId="14826"/>
        <pc:sldMkLst>
          <pc:docMk/>
          <pc:sldMk cId="2748576720" sldId="257"/>
        </pc:sldMkLst>
        <pc:picChg chg="mod">
          <ac:chgData name="Kristabela Garnace" userId="997c92d6-c8db-4a35-a0be-1d48cc4c28a8" providerId="ADAL" clId="{D69AE13D-7052-4486-B5D9-D2EB0CF06798}" dt="2024-04-25T09:51:37.364" v="4" actId="14826"/>
          <ac:picMkLst>
            <pc:docMk/>
            <pc:sldMk cId="2748576720" sldId="257"/>
            <ac:picMk id="2" creationId="{7E877F00-4ED8-1B71-E914-C3B6117E5A23}"/>
          </ac:picMkLst>
        </pc:picChg>
      </pc:sldChg>
      <pc:sldChg chg="modSp mod">
        <pc:chgData name="Kristabela Garnace" userId="997c92d6-c8db-4a35-a0be-1d48cc4c28a8" providerId="ADAL" clId="{D69AE13D-7052-4486-B5D9-D2EB0CF06798}" dt="2024-04-25T09:51:56.313" v="20" actId="20577"/>
        <pc:sldMkLst>
          <pc:docMk/>
          <pc:sldMk cId="3035780936" sldId="271"/>
        </pc:sldMkLst>
        <pc:spChg chg="mod">
          <ac:chgData name="Kristabela Garnace" userId="997c92d6-c8db-4a35-a0be-1d48cc4c28a8" providerId="ADAL" clId="{D69AE13D-7052-4486-B5D9-D2EB0CF06798}" dt="2024-04-25T09:51:56.313" v="20" actId="20577"/>
          <ac:spMkLst>
            <pc:docMk/>
            <pc:sldMk cId="3035780936" sldId="271"/>
            <ac:spMk id="5" creationId="{8C2F15C8-4893-5703-E7FC-E8C0F7FE8EDB}"/>
          </ac:spMkLst>
        </pc:spChg>
        <pc:picChg chg="mod">
          <ac:chgData name="Kristabela Garnace" userId="997c92d6-c8db-4a35-a0be-1d48cc4c28a8" providerId="ADAL" clId="{D69AE13D-7052-4486-B5D9-D2EB0CF06798}" dt="2024-04-25T09:51:47.425" v="6" actId="14826"/>
          <ac:picMkLst>
            <pc:docMk/>
            <pc:sldMk cId="3035780936" sldId="271"/>
            <ac:picMk id="4" creationId="{B69E8A99-20F6-65C5-4810-51822F73699E}"/>
          </ac:picMkLst>
        </pc:picChg>
      </pc:sldChg>
      <pc:sldChg chg="modSp">
        <pc:chgData name="Kristabela Garnace" userId="997c92d6-c8db-4a35-a0be-1d48cc4c28a8" providerId="ADAL" clId="{D69AE13D-7052-4486-B5D9-D2EB0CF06798}" dt="2024-04-25T09:52:29.884" v="22" actId="14826"/>
        <pc:sldMkLst>
          <pc:docMk/>
          <pc:sldMk cId="245014488" sldId="273"/>
        </pc:sldMkLst>
        <pc:picChg chg="mod">
          <ac:chgData name="Kristabela Garnace" userId="997c92d6-c8db-4a35-a0be-1d48cc4c28a8" providerId="ADAL" clId="{D69AE13D-7052-4486-B5D9-D2EB0CF06798}" dt="2024-04-25T09:52:29.884" v="22" actId="14826"/>
          <ac:picMkLst>
            <pc:docMk/>
            <pc:sldMk cId="245014488" sldId="273"/>
            <ac:picMk id="3" creationId="{0785B3CD-C7DB-C2C1-3DF5-9619A7DD1D97}"/>
          </ac:picMkLst>
        </pc:picChg>
      </pc:sldChg>
      <pc:sldChg chg="modSp">
        <pc:chgData name="Kristabela Garnace" userId="997c92d6-c8db-4a35-a0be-1d48cc4c28a8" providerId="ADAL" clId="{D69AE13D-7052-4486-B5D9-D2EB0CF06798}" dt="2024-04-25T09:52:24.612" v="21" actId="14826"/>
        <pc:sldMkLst>
          <pc:docMk/>
          <pc:sldMk cId="789460267" sldId="274"/>
        </pc:sldMkLst>
        <pc:picChg chg="mod">
          <ac:chgData name="Kristabela Garnace" userId="997c92d6-c8db-4a35-a0be-1d48cc4c28a8" providerId="ADAL" clId="{D69AE13D-7052-4486-B5D9-D2EB0CF06798}" dt="2024-04-25T09:52:24.612" v="21" actId="14826"/>
          <ac:picMkLst>
            <pc:docMk/>
            <pc:sldMk cId="789460267" sldId="274"/>
            <ac:picMk id="3" creationId="{517B06AD-F5BD-4BA8-22C8-3AE4D888444E}"/>
          </ac:picMkLst>
        </pc:picChg>
      </pc:sldChg>
    </pc:docChg>
  </pc:docChgLst>
  <pc:docChgLst>
    <pc:chgData name="Kristabela Garnace" userId="997c92d6-c8db-4a35-a0be-1d48cc4c28a8" providerId="ADAL" clId="{FBC22892-0A29-40A7-ACDF-80473C70D8D2}"/>
    <pc:docChg chg="undo custSel modSld">
      <pc:chgData name="Kristabela Garnace" userId="997c92d6-c8db-4a35-a0be-1d48cc4c28a8" providerId="ADAL" clId="{FBC22892-0A29-40A7-ACDF-80473C70D8D2}" dt="2024-04-22T13:38:35.207" v="33" actId="34135"/>
      <pc:docMkLst>
        <pc:docMk/>
      </pc:docMkLst>
      <pc:sldChg chg="addSp delSp modSp mod">
        <pc:chgData name="Kristabela Garnace" userId="997c92d6-c8db-4a35-a0be-1d48cc4c28a8" providerId="ADAL" clId="{FBC22892-0A29-40A7-ACDF-80473C70D8D2}" dt="2024-04-22T13:37:22.397" v="23" actId="14826"/>
        <pc:sldMkLst>
          <pc:docMk/>
          <pc:sldMk cId="2748576720" sldId="257"/>
        </pc:sldMkLst>
        <pc:spChg chg="add del">
          <ac:chgData name="Kristabela Garnace" userId="997c92d6-c8db-4a35-a0be-1d48cc4c28a8" providerId="ADAL" clId="{FBC22892-0A29-40A7-ACDF-80473C70D8D2}" dt="2024-04-22T13:28:56.636" v="8" actId="478"/>
          <ac:spMkLst>
            <pc:docMk/>
            <pc:sldMk cId="2748576720" sldId="257"/>
            <ac:spMk id="3" creationId="{4B8FD893-D988-594C-A568-5BCEC575C5A4}"/>
          </ac:spMkLst>
        </pc:spChg>
        <pc:spChg chg="add del">
          <ac:chgData name="Kristabela Garnace" userId="997c92d6-c8db-4a35-a0be-1d48cc4c28a8" providerId="ADAL" clId="{FBC22892-0A29-40A7-ACDF-80473C70D8D2}" dt="2024-04-22T13:28:45.502" v="6" actId="478"/>
          <ac:spMkLst>
            <pc:docMk/>
            <pc:sldMk cId="2748576720" sldId="257"/>
            <ac:spMk id="4" creationId="{B17441FC-E40F-196E-0302-C494946304D3}"/>
          </ac:spMkLst>
        </pc:spChg>
        <pc:spChg chg="add del">
          <ac:chgData name="Kristabela Garnace" userId="997c92d6-c8db-4a35-a0be-1d48cc4c28a8" providerId="ADAL" clId="{FBC22892-0A29-40A7-ACDF-80473C70D8D2}" dt="2024-04-22T13:28:55.994" v="7" actId="478"/>
          <ac:spMkLst>
            <pc:docMk/>
            <pc:sldMk cId="2748576720" sldId="257"/>
            <ac:spMk id="5" creationId="{5343F856-735D-0D8B-B6CD-1BC341BC45CE}"/>
          </ac:spMkLst>
        </pc:spChg>
        <pc:spChg chg="add del mod">
          <ac:chgData name="Kristabela Garnace" userId="997c92d6-c8db-4a35-a0be-1d48cc4c28a8" providerId="ADAL" clId="{FBC22892-0A29-40A7-ACDF-80473C70D8D2}" dt="2024-04-22T13:28:28.840" v="3" actId="478"/>
          <ac:spMkLst>
            <pc:docMk/>
            <pc:sldMk cId="2748576720" sldId="257"/>
            <ac:spMk id="8" creationId="{59AC4C88-A069-9C15-6376-A5C0F0018F28}"/>
          </ac:spMkLst>
        </pc:spChg>
        <pc:spChg chg="add del mod">
          <ac:chgData name="Kristabela Garnace" userId="997c92d6-c8db-4a35-a0be-1d48cc4c28a8" providerId="ADAL" clId="{FBC22892-0A29-40A7-ACDF-80473C70D8D2}" dt="2024-04-22T13:28:28.840" v="3" actId="478"/>
          <ac:spMkLst>
            <pc:docMk/>
            <pc:sldMk cId="2748576720" sldId="257"/>
            <ac:spMk id="10" creationId="{83111A84-2580-7DA9-E313-E7CFF870A9AC}"/>
          </ac:spMkLst>
        </pc:spChg>
        <pc:spChg chg="add del mod">
          <ac:chgData name="Kristabela Garnace" userId="997c92d6-c8db-4a35-a0be-1d48cc4c28a8" providerId="ADAL" clId="{FBC22892-0A29-40A7-ACDF-80473C70D8D2}" dt="2024-04-22T13:28:34.707" v="5" actId="478"/>
          <ac:spMkLst>
            <pc:docMk/>
            <pc:sldMk cId="2748576720" sldId="257"/>
            <ac:spMk id="12" creationId="{75CE18AE-3907-0E14-52EA-D6157A3C311C}"/>
          </ac:spMkLst>
        </pc:spChg>
        <pc:spChg chg="add del mod">
          <ac:chgData name="Kristabela Garnace" userId="997c92d6-c8db-4a35-a0be-1d48cc4c28a8" providerId="ADAL" clId="{FBC22892-0A29-40A7-ACDF-80473C70D8D2}" dt="2024-04-22T13:28:34.707" v="5" actId="478"/>
          <ac:spMkLst>
            <pc:docMk/>
            <pc:sldMk cId="2748576720" sldId="257"/>
            <ac:spMk id="14" creationId="{24D60119-9312-A65F-2A37-CCAA25FB590B}"/>
          </ac:spMkLst>
        </pc:spChg>
        <pc:spChg chg="add del">
          <ac:chgData name="Kristabela Garnace" userId="997c92d6-c8db-4a35-a0be-1d48cc4c28a8" providerId="ADAL" clId="{FBC22892-0A29-40A7-ACDF-80473C70D8D2}" dt="2024-04-22T13:28:45.502" v="6" actId="478"/>
          <ac:spMkLst>
            <pc:docMk/>
            <pc:sldMk cId="2748576720" sldId="257"/>
            <ac:spMk id="16" creationId="{A8B114A4-2918-EB2B-8534-67CCE7C155A4}"/>
          </ac:spMkLst>
        </pc:spChg>
        <pc:spChg chg="add del mod">
          <ac:chgData name="Kristabela Garnace" userId="997c92d6-c8db-4a35-a0be-1d48cc4c28a8" providerId="ADAL" clId="{FBC22892-0A29-40A7-ACDF-80473C70D8D2}" dt="2024-04-22T13:29:15.172" v="11" actId="478"/>
          <ac:spMkLst>
            <pc:docMk/>
            <pc:sldMk cId="2748576720" sldId="257"/>
            <ac:spMk id="17" creationId="{2BD4DAB0-A1E2-F89D-F803-31DAD70A49EE}"/>
          </ac:spMkLst>
        </pc:spChg>
        <pc:spChg chg="add del">
          <ac:chgData name="Kristabela Garnace" userId="997c92d6-c8db-4a35-a0be-1d48cc4c28a8" providerId="ADAL" clId="{FBC22892-0A29-40A7-ACDF-80473C70D8D2}" dt="2024-04-22T13:28:45.502" v="6" actId="478"/>
          <ac:spMkLst>
            <pc:docMk/>
            <pc:sldMk cId="2748576720" sldId="257"/>
            <ac:spMk id="18" creationId="{3303AB1C-A1C6-67B3-6D5F-F41ABB624B23}"/>
          </ac:spMkLst>
        </pc:spChg>
        <pc:spChg chg="add del mod">
          <ac:chgData name="Kristabela Garnace" userId="997c92d6-c8db-4a35-a0be-1d48cc4c28a8" providerId="ADAL" clId="{FBC22892-0A29-40A7-ACDF-80473C70D8D2}" dt="2024-04-22T13:29:13.345" v="10" actId="478"/>
          <ac:spMkLst>
            <pc:docMk/>
            <pc:sldMk cId="2748576720" sldId="257"/>
            <ac:spMk id="20" creationId="{6BA1AB5B-9416-57FE-4EDB-795B2BE7DC6B}"/>
          </ac:spMkLst>
        </pc:spChg>
        <pc:spChg chg="add del">
          <ac:chgData name="Kristabela Garnace" userId="997c92d6-c8db-4a35-a0be-1d48cc4c28a8" providerId="ADAL" clId="{FBC22892-0A29-40A7-ACDF-80473C70D8D2}" dt="2024-04-22T13:28:45.502" v="6" actId="478"/>
          <ac:spMkLst>
            <pc:docMk/>
            <pc:sldMk cId="2748576720" sldId="257"/>
            <ac:spMk id="35" creationId="{32CEF7D5-037E-404D-B964-AAAAD721CD04}"/>
          </ac:spMkLst>
        </pc:spChg>
        <pc:picChg chg="add del mod">
          <ac:chgData name="Kristabela Garnace" userId="997c92d6-c8db-4a35-a0be-1d48cc4c28a8" providerId="ADAL" clId="{FBC22892-0A29-40A7-ACDF-80473C70D8D2}" dt="2024-04-22T13:37:22.397" v="23" actId="14826"/>
          <ac:picMkLst>
            <pc:docMk/>
            <pc:sldMk cId="2748576720" sldId="257"/>
            <ac:picMk id="2" creationId="{7E877F00-4ED8-1B71-E914-C3B6117E5A23}"/>
          </ac:picMkLst>
        </pc:picChg>
        <pc:picChg chg="add del">
          <ac:chgData name="Kristabela Garnace" userId="997c92d6-c8db-4a35-a0be-1d48cc4c28a8" providerId="ADAL" clId="{FBC22892-0A29-40A7-ACDF-80473C70D8D2}" dt="2024-04-22T13:28:45.502" v="6" actId="478"/>
          <ac:picMkLst>
            <pc:docMk/>
            <pc:sldMk cId="2748576720" sldId="257"/>
            <ac:picMk id="7" creationId="{B0272A9F-73E8-241D-EFAA-B7226B8D39A4}"/>
          </ac:picMkLst>
        </pc:picChg>
      </pc:sldChg>
      <pc:sldChg chg="addSp modSp mod">
        <pc:chgData name="Kristabela Garnace" userId="997c92d6-c8db-4a35-a0be-1d48cc4c28a8" providerId="ADAL" clId="{FBC22892-0A29-40A7-ACDF-80473C70D8D2}" dt="2024-04-22T13:38:35.207" v="33" actId="34135"/>
        <pc:sldMkLst>
          <pc:docMk/>
          <pc:sldMk cId="3035780936" sldId="271"/>
        </pc:sldMkLst>
        <pc:spChg chg="mod">
          <ac:chgData name="Kristabela Garnace" userId="997c92d6-c8db-4a35-a0be-1d48cc4c28a8" providerId="ADAL" clId="{FBC22892-0A29-40A7-ACDF-80473C70D8D2}" dt="2024-04-22T13:29:36.248" v="16" actId="34135"/>
          <ac:spMkLst>
            <pc:docMk/>
            <pc:sldMk cId="3035780936" sldId="271"/>
            <ac:spMk id="3" creationId="{81AC7058-B3A9-4B5B-2A01-07F0A404A047}"/>
          </ac:spMkLst>
        </pc:spChg>
        <pc:spChg chg="mod">
          <ac:chgData name="Kristabela Garnace" userId="997c92d6-c8db-4a35-a0be-1d48cc4c28a8" providerId="ADAL" clId="{FBC22892-0A29-40A7-ACDF-80473C70D8D2}" dt="2024-04-22T13:29:36.248" v="16" actId="34135"/>
          <ac:spMkLst>
            <pc:docMk/>
            <pc:sldMk cId="3035780936" sldId="271"/>
            <ac:spMk id="5" creationId="{8C2F15C8-4893-5703-E7FC-E8C0F7FE8EDB}"/>
          </ac:spMkLst>
        </pc:spChg>
        <pc:spChg chg="mod">
          <ac:chgData name="Kristabela Garnace" userId="997c92d6-c8db-4a35-a0be-1d48cc4c28a8" providerId="ADAL" clId="{FBC22892-0A29-40A7-ACDF-80473C70D8D2}" dt="2024-04-22T13:38:35.207" v="33" actId="34135"/>
          <ac:spMkLst>
            <pc:docMk/>
            <pc:sldMk cId="3035780936" sldId="271"/>
            <ac:spMk id="6" creationId="{3B41249A-F886-521B-84BF-93E8AF505779}"/>
          </ac:spMkLst>
        </pc:spChg>
        <pc:spChg chg="mod">
          <ac:chgData name="Kristabela Garnace" userId="997c92d6-c8db-4a35-a0be-1d48cc4c28a8" providerId="ADAL" clId="{FBC22892-0A29-40A7-ACDF-80473C70D8D2}" dt="2024-04-22T13:38:35.207" v="33" actId="34135"/>
          <ac:spMkLst>
            <pc:docMk/>
            <pc:sldMk cId="3035780936" sldId="271"/>
            <ac:spMk id="7" creationId="{D51A4DB4-0B27-BBED-082D-60F74EE8E375}"/>
          </ac:spMkLst>
        </pc:spChg>
        <pc:spChg chg="mod">
          <ac:chgData name="Kristabela Garnace" userId="997c92d6-c8db-4a35-a0be-1d48cc4c28a8" providerId="ADAL" clId="{FBC22892-0A29-40A7-ACDF-80473C70D8D2}" dt="2024-04-22T13:38:35.207" v="33" actId="34135"/>
          <ac:spMkLst>
            <pc:docMk/>
            <pc:sldMk cId="3035780936" sldId="271"/>
            <ac:spMk id="8" creationId="{E4E5EB25-7D76-981A-A111-723AC499C584}"/>
          </ac:spMkLst>
        </pc:spChg>
        <pc:grpChg chg="add mod">
          <ac:chgData name="Kristabela Garnace" userId="997c92d6-c8db-4a35-a0be-1d48cc4c28a8" providerId="ADAL" clId="{FBC22892-0A29-40A7-ACDF-80473C70D8D2}" dt="2024-04-22T13:38:35.207" v="33" actId="34135"/>
          <ac:grpSpMkLst>
            <pc:docMk/>
            <pc:sldMk cId="3035780936" sldId="271"/>
            <ac:grpSpMk id="2" creationId="{06C4CC78-0E86-7E89-09F1-2DCBC0208C00}"/>
          </ac:grpSpMkLst>
        </pc:grpChg>
        <pc:picChg chg="mod">
          <ac:chgData name="Kristabela Garnace" userId="997c92d6-c8db-4a35-a0be-1d48cc4c28a8" providerId="ADAL" clId="{FBC22892-0A29-40A7-ACDF-80473C70D8D2}" dt="2024-04-22T13:37:30.258" v="24" actId="14826"/>
          <ac:picMkLst>
            <pc:docMk/>
            <pc:sldMk cId="3035780936" sldId="271"/>
            <ac:picMk id="4" creationId="{B69E8A99-20F6-65C5-4810-51822F73699E}"/>
          </ac:picMkLst>
        </pc:picChg>
      </pc:sldChg>
      <pc:sldChg chg="addSp delSp modSp mod">
        <pc:chgData name="Kristabela Garnace" userId="997c92d6-c8db-4a35-a0be-1d48cc4c28a8" providerId="ADAL" clId="{FBC22892-0A29-40A7-ACDF-80473C70D8D2}" dt="2024-04-22T13:37:49.102" v="26" actId="14826"/>
        <pc:sldMkLst>
          <pc:docMk/>
          <pc:sldMk cId="245014488" sldId="273"/>
        </pc:sldMkLst>
        <pc:spChg chg="del">
          <ac:chgData name="Kristabela Garnace" userId="997c92d6-c8db-4a35-a0be-1d48cc4c28a8" providerId="ADAL" clId="{FBC22892-0A29-40A7-ACDF-80473C70D8D2}" dt="2024-04-22T13:29:54.024" v="20" actId="478"/>
          <ac:spMkLst>
            <pc:docMk/>
            <pc:sldMk cId="245014488" sldId="273"/>
            <ac:spMk id="17" creationId="{7E242B1F-447C-C2FD-5776-51AA6272A986}"/>
          </ac:spMkLst>
        </pc:spChg>
        <pc:spChg chg="del">
          <ac:chgData name="Kristabela Garnace" userId="997c92d6-c8db-4a35-a0be-1d48cc4c28a8" providerId="ADAL" clId="{FBC22892-0A29-40A7-ACDF-80473C70D8D2}" dt="2024-04-22T13:29:54.024" v="20" actId="478"/>
          <ac:spMkLst>
            <pc:docMk/>
            <pc:sldMk cId="245014488" sldId="273"/>
            <ac:spMk id="35" creationId="{32CEF7D5-037E-404D-B964-AAAAD721CD04}"/>
          </ac:spMkLst>
        </pc:spChg>
        <pc:picChg chg="add mod">
          <ac:chgData name="Kristabela Garnace" userId="997c92d6-c8db-4a35-a0be-1d48cc4c28a8" providerId="ADAL" clId="{FBC22892-0A29-40A7-ACDF-80473C70D8D2}" dt="2024-04-22T13:37:49.102" v="26" actId="14826"/>
          <ac:picMkLst>
            <pc:docMk/>
            <pc:sldMk cId="245014488" sldId="273"/>
            <ac:picMk id="3" creationId="{0785B3CD-C7DB-C2C1-3DF5-9619A7DD1D97}"/>
          </ac:picMkLst>
        </pc:picChg>
        <pc:picChg chg="del">
          <ac:chgData name="Kristabela Garnace" userId="997c92d6-c8db-4a35-a0be-1d48cc4c28a8" providerId="ADAL" clId="{FBC22892-0A29-40A7-ACDF-80473C70D8D2}" dt="2024-04-22T13:29:54.024" v="20" actId="478"/>
          <ac:picMkLst>
            <pc:docMk/>
            <pc:sldMk cId="245014488" sldId="273"/>
            <ac:picMk id="4" creationId="{29FF22C3-D130-1F16-7394-0E2C24F599C8}"/>
          </ac:picMkLst>
        </pc:picChg>
      </pc:sldChg>
      <pc:sldChg chg="modSp mod">
        <pc:chgData name="Kristabela Garnace" userId="997c92d6-c8db-4a35-a0be-1d48cc4c28a8" providerId="ADAL" clId="{FBC22892-0A29-40A7-ACDF-80473C70D8D2}" dt="2024-04-22T13:37:42.434" v="25" actId="14826"/>
        <pc:sldMkLst>
          <pc:docMk/>
          <pc:sldMk cId="789460267" sldId="274"/>
        </pc:sldMkLst>
        <pc:spChg chg="mod">
          <ac:chgData name="Kristabela Garnace" userId="997c92d6-c8db-4a35-a0be-1d48cc4c28a8" providerId="ADAL" clId="{FBC22892-0A29-40A7-ACDF-80473C70D8D2}" dt="2024-04-22T13:29:48.316" v="19" actId="34135"/>
          <ac:spMkLst>
            <pc:docMk/>
            <pc:sldMk cId="789460267" sldId="274"/>
            <ac:spMk id="5" creationId="{3805FF7A-3484-1EDE-7EE4-BBE196BA4DB2}"/>
          </ac:spMkLst>
        </pc:spChg>
        <pc:spChg chg="mod">
          <ac:chgData name="Kristabela Garnace" userId="997c92d6-c8db-4a35-a0be-1d48cc4c28a8" providerId="ADAL" clId="{FBC22892-0A29-40A7-ACDF-80473C70D8D2}" dt="2024-04-22T13:29:48.316" v="19" actId="34135"/>
          <ac:spMkLst>
            <pc:docMk/>
            <pc:sldMk cId="789460267" sldId="274"/>
            <ac:spMk id="7" creationId="{22BEFDDE-4F75-E4C1-D461-F2DC7262A728}"/>
          </ac:spMkLst>
        </pc:spChg>
        <pc:spChg chg="mod">
          <ac:chgData name="Kristabela Garnace" userId="997c92d6-c8db-4a35-a0be-1d48cc4c28a8" providerId="ADAL" clId="{FBC22892-0A29-40A7-ACDF-80473C70D8D2}" dt="2024-04-22T13:29:48.316" v="19" actId="34135"/>
          <ac:spMkLst>
            <pc:docMk/>
            <pc:sldMk cId="789460267" sldId="274"/>
            <ac:spMk id="11" creationId="{D7117594-489B-29F6-A61E-4717D1FEDA54}"/>
          </ac:spMkLst>
        </pc:spChg>
        <pc:picChg chg="mod">
          <ac:chgData name="Kristabela Garnace" userId="997c92d6-c8db-4a35-a0be-1d48cc4c28a8" providerId="ADAL" clId="{FBC22892-0A29-40A7-ACDF-80473C70D8D2}" dt="2024-04-22T13:37:42.434" v="25" actId="14826"/>
          <ac:picMkLst>
            <pc:docMk/>
            <pc:sldMk cId="789460267" sldId="274"/>
            <ac:picMk id="3" creationId="{517B06AD-F5BD-4BA8-22C8-3AE4D888444E}"/>
          </ac:picMkLst>
        </pc:pic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4/2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4/2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4/2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5/04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4/2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4/2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4/25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4/25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4/25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4/25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4/25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4/25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4/2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ata.org/en/events/all/wfs--wps/" TargetMode="External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7E877F00-4ED8-1B71-E914-C3B6117E5A23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B69E8A99-20F6-65C5-4810-51822F73699E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56708" y="3606312"/>
            <a:ext cx="4877906" cy="2743198"/>
          </a:xfrm>
          <a:prstGeom prst="rect">
            <a:avLst/>
          </a:prstGeom>
        </p:spPr>
      </p:pic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FS/WPS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0563C1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3"/>
              </a:rPr>
              <a:t>WFS/WPS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3"/>
              </a:rPr>
              <a:t>website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06C4CC78-0E86-7E89-09F1-2DCBC0208C00}"/>
              </a:ext>
            </a:extLst>
          </p:cNvPr>
          <p:cNvGrpSpPr>
            <a:grpSpLocks noGrp="1" noUngrp="1" noRot="1" noMove="1" noResize="1"/>
          </p:cNvGrpSpPr>
          <p:nvPr/>
        </p:nvGrpSpPr>
        <p:grpSpPr>
          <a:xfrm>
            <a:off x="7070864" y="4045226"/>
            <a:ext cx="582267" cy="1087771"/>
            <a:chOff x="1306168" y="815353"/>
            <a:chExt cx="991737" cy="1979946"/>
          </a:xfrm>
        </p:grpSpPr>
        <p:sp>
          <p:nvSpPr>
            <p:cNvPr id="6" name="Freeform 5">
              <a:extLst>
                <a:ext uri="{FF2B5EF4-FFF2-40B4-BE49-F238E27FC236}">
                  <a16:creationId xmlns:a16="http://schemas.microsoft.com/office/drawing/2014/main" id="{3B41249A-F886-521B-84BF-93E8AF505779}"/>
                </a:ext>
              </a:extLst>
            </p:cNvPr>
            <p:cNvSpPr>
              <a:spLocks noGrp="1" noRot="1" noChangeAspect="1" noMove="1" noResize="1" noEditPoints="1" noAdjustHandles="1" noChangeArrowheads="1" noChangeShapeType="1"/>
            </p:cNvSpPr>
            <p:nvPr/>
          </p:nvSpPr>
          <p:spPr bwMode="auto">
            <a:xfrm flipH="1">
              <a:off x="1307306" y="1808279"/>
              <a:ext cx="985838" cy="987020"/>
            </a:xfrm>
            <a:custGeom>
              <a:avLst/>
              <a:gdLst>
                <a:gd name="T0" fmla="*/ 0 w 3326"/>
                <a:gd name="T1" fmla="*/ 0 h 3330"/>
                <a:gd name="T2" fmla="*/ 0 w 3326"/>
                <a:gd name="T3" fmla="*/ 1665 h 3330"/>
                <a:gd name="T4" fmla="*/ 1109 w 3326"/>
                <a:gd name="T5" fmla="*/ 1665 h 3330"/>
                <a:gd name="T6" fmla="*/ 1109 w 3326"/>
                <a:gd name="T7" fmla="*/ 3330 h 3330"/>
                <a:gd name="T8" fmla="*/ 3326 w 3326"/>
                <a:gd name="T9" fmla="*/ 3330 h 3330"/>
                <a:gd name="T10" fmla="*/ 3326 w 3326"/>
                <a:gd name="T11" fmla="*/ 0 h 3330"/>
                <a:gd name="T12" fmla="*/ 0 w 3326"/>
                <a:gd name="T13" fmla="*/ 0 h 33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326" h="3330">
                  <a:moveTo>
                    <a:pt x="0" y="0"/>
                  </a:moveTo>
                  <a:lnTo>
                    <a:pt x="0" y="1665"/>
                  </a:lnTo>
                  <a:lnTo>
                    <a:pt x="1109" y="1665"/>
                  </a:lnTo>
                  <a:lnTo>
                    <a:pt x="1109" y="3330"/>
                  </a:lnTo>
                  <a:lnTo>
                    <a:pt x="3326" y="3330"/>
                  </a:lnTo>
                  <a:lnTo>
                    <a:pt x="332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D51A4DB4-0B27-BBED-082D-60F74EE8E375}"/>
                </a:ext>
              </a:extLst>
            </p:cNvPr>
            <p:cNvSpPr>
              <a:spLocks noGrp="1" noRot="1" noChangeAspect="1" noMove="1" noResize="1" noEditPoints="1" noAdjustHandles="1" noChangeArrowheads="1" noChangeShapeType="1"/>
            </p:cNvSpPr>
            <p:nvPr/>
          </p:nvSpPr>
          <p:spPr bwMode="auto">
            <a:xfrm>
              <a:off x="1306168" y="815353"/>
              <a:ext cx="991737" cy="992926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E4E5EB25-7D76-981A-A111-723AC499C584}"/>
                </a:ext>
              </a:extLst>
            </p:cNvPr>
            <p:cNvSpPr>
              <a:spLocks noGrp="1" noRot="1" noChangeAspect="1" noMove="1" noResize="1" noEditPoints="1" noAdjustHandles="1" noChangeArrowheads="1" noChangeShapeType="1"/>
            </p:cNvSpPr>
            <p:nvPr/>
          </p:nvSpPr>
          <p:spPr bwMode="auto">
            <a:xfrm rot="16200000">
              <a:off x="1685021" y="1351310"/>
              <a:ext cx="230410" cy="460407"/>
            </a:xfrm>
            <a:custGeom>
              <a:avLst/>
              <a:gdLst>
                <a:gd name="connsiteX0" fmla="*/ 270676 w 270676"/>
                <a:gd name="connsiteY0" fmla="*/ 0 h 540866"/>
                <a:gd name="connsiteX1" fmla="*/ 270676 w 270676"/>
                <a:gd name="connsiteY1" fmla="*/ 270352 h 540866"/>
                <a:gd name="connsiteX2" fmla="*/ 270514 w 270676"/>
                <a:gd name="connsiteY2" fmla="*/ 270352 h 540866"/>
                <a:gd name="connsiteX3" fmla="*/ 270514 w 270676"/>
                <a:gd name="connsiteY3" fmla="*/ 274419 h 540866"/>
                <a:gd name="connsiteX4" fmla="*/ 270514 w 270676"/>
                <a:gd name="connsiteY4" fmla="*/ 540866 h 540866"/>
                <a:gd name="connsiteX5" fmla="*/ 5653 w 270676"/>
                <a:gd name="connsiteY5" fmla="*/ 324752 h 540866"/>
                <a:gd name="connsiteX6" fmla="*/ 178 w 270676"/>
                <a:gd name="connsiteY6" fmla="*/ 270352 h 540866"/>
                <a:gd name="connsiteX7" fmla="*/ 0 w 270676"/>
                <a:gd name="connsiteY7" fmla="*/ 270352 h 540866"/>
                <a:gd name="connsiteX8" fmla="*/ 270676 w 270676"/>
                <a:gd name="connsiteY8" fmla="*/ 0 h 5408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0676" h="540866">
                  <a:moveTo>
                    <a:pt x="270676" y="0"/>
                  </a:moveTo>
                  <a:lnTo>
                    <a:pt x="270676" y="270352"/>
                  </a:lnTo>
                  <a:lnTo>
                    <a:pt x="270514" y="270352"/>
                  </a:lnTo>
                  <a:lnTo>
                    <a:pt x="270514" y="274419"/>
                  </a:lnTo>
                  <a:cubicBezTo>
                    <a:pt x="270514" y="287107"/>
                    <a:pt x="270514" y="337859"/>
                    <a:pt x="270514" y="540866"/>
                  </a:cubicBezTo>
                  <a:cubicBezTo>
                    <a:pt x="139832" y="540866"/>
                    <a:pt x="30855" y="448114"/>
                    <a:pt x="5653" y="324752"/>
                  </a:cubicBezTo>
                  <a:lnTo>
                    <a:pt x="178" y="270352"/>
                  </a:lnTo>
                  <a:lnTo>
                    <a:pt x="0" y="270352"/>
                  </a:lnTo>
                  <a:cubicBezTo>
                    <a:pt x="0" y="121001"/>
                    <a:pt x="121146" y="0"/>
                    <a:pt x="270676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517B06AD-F5BD-4BA8-22C8-3AE4D888444E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86" y="779"/>
            <a:ext cx="12189228" cy="6856441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08757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</p:sp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0785B3CD-C7DB-C2C1-3DF5-9619A7DD1D97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1998" cy="685799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8" ma:contentTypeDescription="Create a new document." ma:contentTypeScope="" ma:versionID="8f7f5775543f79acbde25c913a609869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3c7a8ead1715696ef4fb2f1cf37e2cf7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ffaaae9-dc8c-459f-a92e-1529c78bcbdb">
      <Terms xmlns="http://schemas.microsoft.com/office/infopath/2007/PartnerControls"/>
    </lcf76f155ced4ddcb4097134ff3c332f>
    <TaxCatchAll xmlns="da655568-1247-43c7-b5ce-0d71de2fb494" xsi:nil="true"/>
    <Teammemberincharge xmlns="4ffaaae9-dc8c-459f-a92e-1529c78bcbdb" xsi:nil="true"/>
    <SharedWithUsers xmlns="86e16ca4-215f-4354-b2b5-4fac53992da1">
      <UserInfo>
        <DisplayName/>
        <AccountId xsi:nil="true"/>
        <AccountType/>
      </UserInfo>
    </SharedWithUsers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2785CA80-EF52-427F-8104-EAEEED7FCB0F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B34183C6-7270-4AC2-9CD2-45B68A49FD3D}">
  <ds:schemaRefs>
    <ds:schemaRef ds:uri="http://schemas.microsoft.com/office/2006/metadata/properties"/>
    <ds:schemaRef ds:uri="http://purl.org/dc/terms/"/>
    <ds:schemaRef ds:uri="da655568-1247-43c7-b5ce-0d71de2fb494"/>
    <ds:schemaRef ds:uri="http://purl.org/dc/dcmitype/"/>
    <ds:schemaRef ds:uri="http://schemas.microsoft.com/office/infopath/2007/PartnerControls"/>
    <ds:schemaRef ds:uri="http://schemas.openxmlformats.org/package/2006/metadata/core-properties"/>
    <ds:schemaRef ds:uri="http://schemas.microsoft.com/office/2006/documentManagement/types"/>
    <ds:schemaRef ds:uri="http://purl.org/dc/elements/1.1/"/>
    <ds:schemaRef ds:uri="86e16ca4-215f-4354-b2b5-4fac53992da1"/>
    <ds:schemaRef ds:uri="4ffaaae9-dc8c-459f-a92e-1529c78bcbdb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32</TotalTime>
  <Words>115</Words>
  <Application>Microsoft Office PowerPoint</Application>
  <PresentationFormat>Widescreen</PresentationFormat>
  <Paragraphs>8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9" baseType="lpstr">
      <vt:lpstr>Aktiv Grotesk</vt:lpstr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ds2025-promokit</dc:title>
  <dc:creator>Christine Murphy</dc:creator>
  <cp:lastModifiedBy>Kristabela Garnace</cp:lastModifiedBy>
  <cp:revision>3</cp:revision>
  <dcterms:created xsi:type="dcterms:W3CDTF">2023-06-13T12:34:15Z</dcterms:created>
  <dcterms:modified xsi:type="dcterms:W3CDTF">2024-04-25T09:52:3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D35BE1AB82ED949983D4C3BEFB295AA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</Properties>
</file>